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eertruidenber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CE2365B5-A0E1-956B-A4C7-BC3B9D2E30F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6268" y="4602559"/>
            <a:ext cx="3123166" cy="206128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schermopname, logo&#10;&#10;Automatisch gegenereerde beschrijving">
            <a:extLst>
              <a:ext uri="{FF2B5EF4-FFF2-40B4-BE49-F238E27FC236}">
                <a16:creationId xmlns:a16="http://schemas.microsoft.com/office/drawing/2014/main" id="{1A75BD13-6477-361D-BB28-8E8AC178A5A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6305" y="3889826"/>
            <a:ext cx="2215468"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7-25T12:44:42Z</dcterms:modified>
</cp:coreProperties>
</file>